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5-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5-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rut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9E78E357-8501-D7F3-F159-24D5CCC1C9F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7498" y="5056201"/>
            <a:ext cx="1804124" cy="161288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995B89DB-020D-E8D3-2353-98828996C0D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9840" y="3712021"/>
            <a:ext cx="1804124" cy="161288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6-25T08:29:37Z</dcterms:modified>
</cp:coreProperties>
</file>